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pekela/"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a:extLst>
              <a:ext uri="{FF2B5EF4-FFF2-40B4-BE49-F238E27FC236}">
                <a16:creationId xmlns:a16="http://schemas.microsoft.com/office/drawing/2014/main" id="{B2E1F486-BB97-50E8-EFD0-0C406FDDCFF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648682"/>
            <a:ext cx="1761856" cy="180414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a:extLst>
              <a:ext uri="{FF2B5EF4-FFF2-40B4-BE49-F238E27FC236}">
                <a16:creationId xmlns:a16="http://schemas.microsoft.com/office/drawing/2014/main" id="{D1037527-0807-6919-18E3-BBC7E1F7B90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4562" y="3860220"/>
            <a:ext cx="1519232" cy="155569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5-21T08:03:28Z</dcterms:modified>
</cp:coreProperties>
</file>